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0324229\Desktop\PhD\PhD Health Sciences\Projekte\POTS Impfung\Submission F1000\Re-Submission\"/>
    </mc:Choice>
  </mc:AlternateContent>
  <bookViews>
    <workbookView xWindow="0" yWindow="0" windowWidth="19155" windowHeight="7080"/>
  </bookViews>
  <sheets>
    <sheet name="Symptoms of COVID-19 infectio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6" uniqueCount="66">
  <si>
    <t>n/a</t>
  </si>
  <si>
    <t>Yes, Mild, 21 days</t>
  </si>
  <si>
    <t>Yes, Moderate, 2 months</t>
  </si>
  <si>
    <t>Yes, Severe, 5 months</t>
  </si>
  <si>
    <t>Yes, Moderate, 21 days</t>
  </si>
  <si>
    <t>Yes, Mild, 6 days</t>
  </si>
  <si>
    <t>Yes, Severe, 18 days</t>
  </si>
  <si>
    <t>No</t>
  </si>
  <si>
    <t>Yes, Moderate, 12 days</t>
  </si>
  <si>
    <t>Yes, Moderate, 21 daye</t>
  </si>
  <si>
    <t>Yes, Severe, 21 daye</t>
  </si>
  <si>
    <t>Yes, Moderate, 4 days</t>
  </si>
  <si>
    <t>28 days</t>
  </si>
  <si>
    <t>Yes</t>
  </si>
  <si>
    <t>21 days</t>
  </si>
  <si>
    <t>Yes, Moderate, 5 days</t>
  </si>
  <si>
    <t>Yes, Moderate, 3 days</t>
  </si>
  <si>
    <t>Yes, Severe, 3 days</t>
  </si>
  <si>
    <t>Yes,  Severe, 3 days</t>
  </si>
  <si>
    <t>Yes, Moderate, 6 days</t>
  </si>
  <si>
    <t>Yes, Severe, 14 days</t>
  </si>
  <si>
    <t>14 days</t>
  </si>
  <si>
    <t>Yes, Mild, 1 day</t>
  </si>
  <si>
    <t>Yes, Severe, 7 days</t>
  </si>
  <si>
    <t>Yes, Moderate, 7 days</t>
  </si>
  <si>
    <t>15 days</t>
  </si>
  <si>
    <t>10 days</t>
  </si>
  <si>
    <t xml:space="preserve">Yes, Severe, 1 month </t>
  </si>
  <si>
    <t>Yes, Mild, 2 days</t>
  </si>
  <si>
    <t>Yes, Severe, 2 days</t>
  </si>
  <si>
    <t>Yes, Mild, 4 days</t>
  </si>
  <si>
    <t>Yes, Mild, 14 days</t>
  </si>
  <si>
    <t>Yes, Severe, 20 days</t>
  </si>
  <si>
    <t>Yes, Moderate, 3 months</t>
  </si>
  <si>
    <t>Yes, Severe, 3 months</t>
  </si>
  <si>
    <t>Yes, Severe 14 days</t>
  </si>
  <si>
    <t>Yes, Moderate 14 days</t>
  </si>
  <si>
    <t>Yes, Severe, 1 month</t>
  </si>
  <si>
    <t>Yes, Moderate, 14 days</t>
  </si>
  <si>
    <t>27 days</t>
  </si>
  <si>
    <t>Chest pain</t>
  </si>
  <si>
    <t>Loss of smell</t>
  </si>
  <si>
    <t>Loss of taste</t>
  </si>
  <si>
    <t>Breathlessness</t>
  </si>
  <si>
    <t>Rhinorrhea</t>
  </si>
  <si>
    <t>Sore thorat</t>
  </si>
  <si>
    <t>Coughing</t>
  </si>
  <si>
    <t>Diarrhea</t>
  </si>
  <si>
    <t>Emesis</t>
  </si>
  <si>
    <t>Nausea</t>
  </si>
  <si>
    <t>Muscle pain</t>
  </si>
  <si>
    <t>Joint pain</t>
  </si>
  <si>
    <t>Headache</t>
  </si>
  <si>
    <t>Fatigue</t>
  </si>
  <si>
    <t>Shivering</t>
  </si>
  <si>
    <t>Fever</t>
  </si>
  <si>
    <t>Incapacity for work</t>
  </si>
  <si>
    <t>Hospitalization</t>
  </si>
  <si>
    <t>Adjustment of treatment</t>
  </si>
  <si>
    <t xml:space="preserve">Nr. </t>
  </si>
  <si>
    <t>5 = P1*</t>
  </si>
  <si>
    <t>8 = P2*</t>
  </si>
  <si>
    <t>15 = P4**</t>
  </si>
  <si>
    <t>18 = P5**</t>
  </si>
  <si>
    <t>22 = P3*</t>
  </si>
  <si>
    <t>Duration of infec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[$-409]mmm\-yy;@"/>
  </numFmts>
  <fonts count="2" x14ac:knownFonts="1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0" xfId="0" applyFont="1" applyFill="1" applyAlignment="1">
      <alignment horizontal="center"/>
    </xf>
    <xf numFmtId="0" fontId="0" fillId="0" borderId="0" xfId="0" applyFill="1"/>
    <xf numFmtId="164" fontId="0" fillId="0" borderId="0" xfId="0" applyNumberFormat="1" applyFill="1" applyAlignment="1">
      <alignment horizontal="center"/>
    </xf>
    <xf numFmtId="0" fontId="0" fillId="0" borderId="0" xfId="0" applyFill="1" applyAlignment="1">
      <alignment horizontal="center"/>
    </xf>
  </cellXfs>
  <cellStyles count="1"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4"/>
  <sheetViews>
    <sheetView tabSelected="1" workbookViewId="0">
      <selection activeCell="B2" sqref="B2"/>
    </sheetView>
  </sheetViews>
  <sheetFormatPr baseColWidth="10" defaultRowHeight="15.75" x14ac:dyDescent="0.25"/>
  <cols>
    <col min="1" max="1" width="10.875" style="2" customWidth="1"/>
    <col min="2" max="21" width="20.875" style="2" customWidth="1"/>
    <col min="22" max="16384" width="11" style="2"/>
  </cols>
  <sheetData>
    <row r="1" spans="1:21" ht="21.95" customHeight="1" x14ac:dyDescent="0.25">
      <c r="A1" s="1" t="s">
        <v>59</v>
      </c>
      <c r="B1" s="1" t="s">
        <v>65</v>
      </c>
      <c r="C1" s="1" t="s">
        <v>58</v>
      </c>
      <c r="D1" s="1" t="s">
        <v>57</v>
      </c>
      <c r="E1" s="1" t="s">
        <v>56</v>
      </c>
      <c r="F1" s="1" t="s">
        <v>55</v>
      </c>
      <c r="G1" s="1" t="s">
        <v>54</v>
      </c>
      <c r="H1" s="1" t="s">
        <v>53</v>
      </c>
      <c r="I1" s="1" t="s">
        <v>52</v>
      </c>
      <c r="J1" s="1" t="s">
        <v>51</v>
      </c>
      <c r="K1" s="1" t="s">
        <v>50</v>
      </c>
      <c r="L1" s="1" t="s">
        <v>49</v>
      </c>
      <c r="M1" s="1" t="s">
        <v>48</v>
      </c>
      <c r="N1" s="1" t="s">
        <v>47</v>
      </c>
      <c r="O1" s="1" t="s">
        <v>46</v>
      </c>
      <c r="P1" s="1" t="s">
        <v>45</v>
      </c>
      <c r="Q1" s="1" t="s">
        <v>44</v>
      </c>
      <c r="R1" s="1" t="s">
        <v>43</v>
      </c>
      <c r="S1" s="1" t="s">
        <v>42</v>
      </c>
      <c r="T1" s="1" t="s">
        <v>41</v>
      </c>
      <c r="U1" s="1" t="s">
        <v>40</v>
      </c>
    </row>
    <row r="2" spans="1:21" ht="21.95" customHeight="1" x14ac:dyDescent="0.25">
      <c r="A2" s="1">
        <v>1</v>
      </c>
      <c r="B2" s="3" t="s">
        <v>0</v>
      </c>
      <c r="C2" s="3" t="s">
        <v>0</v>
      </c>
      <c r="D2" s="3" t="s">
        <v>0</v>
      </c>
      <c r="E2" s="3" t="s">
        <v>0</v>
      </c>
      <c r="F2" s="3" t="s">
        <v>0</v>
      </c>
      <c r="G2" s="3" t="s">
        <v>0</v>
      </c>
      <c r="H2" s="3" t="s">
        <v>0</v>
      </c>
      <c r="I2" s="3" t="s">
        <v>0</v>
      </c>
      <c r="J2" s="3" t="s">
        <v>0</v>
      </c>
      <c r="K2" s="3" t="s">
        <v>0</v>
      </c>
      <c r="L2" s="3" t="s">
        <v>0</v>
      </c>
      <c r="M2" s="3" t="s">
        <v>0</v>
      </c>
      <c r="N2" s="3" t="s">
        <v>0</v>
      </c>
      <c r="O2" s="3" t="s">
        <v>0</v>
      </c>
      <c r="P2" s="3" t="s">
        <v>0</v>
      </c>
      <c r="Q2" s="3" t="s">
        <v>0</v>
      </c>
      <c r="R2" s="3" t="s">
        <v>0</v>
      </c>
      <c r="S2" s="3" t="s">
        <v>0</v>
      </c>
      <c r="T2" s="3" t="s">
        <v>0</v>
      </c>
      <c r="U2" s="3" t="s">
        <v>0</v>
      </c>
    </row>
    <row r="3" spans="1:21" ht="21.95" customHeight="1" x14ac:dyDescent="0.25">
      <c r="A3" s="1">
        <v>2</v>
      </c>
      <c r="B3" s="3" t="s">
        <v>0</v>
      </c>
      <c r="C3" s="3" t="s">
        <v>0</v>
      </c>
      <c r="D3" s="3" t="s">
        <v>0</v>
      </c>
      <c r="E3" s="3" t="s">
        <v>0</v>
      </c>
      <c r="F3" s="3" t="s">
        <v>0</v>
      </c>
      <c r="G3" s="3" t="s">
        <v>0</v>
      </c>
      <c r="H3" s="3" t="s">
        <v>0</v>
      </c>
      <c r="I3" s="3" t="s">
        <v>0</v>
      </c>
      <c r="J3" s="3" t="s">
        <v>0</v>
      </c>
      <c r="K3" s="3" t="s">
        <v>0</v>
      </c>
      <c r="L3" s="3" t="s">
        <v>0</v>
      </c>
      <c r="M3" s="3" t="s">
        <v>0</v>
      </c>
      <c r="N3" s="3" t="s">
        <v>0</v>
      </c>
      <c r="O3" s="3" t="s">
        <v>0</v>
      </c>
      <c r="P3" s="3" t="s">
        <v>0</v>
      </c>
      <c r="Q3" s="3" t="s">
        <v>0</v>
      </c>
      <c r="R3" s="3" t="s">
        <v>0</v>
      </c>
      <c r="S3" s="3" t="s">
        <v>0</v>
      </c>
      <c r="T3" s="3" t="s">
        <v>0</v>
      </c>
      <c r="U3" s="3" t="s">
        <v>0</v>
      </c>
    </row>
    <row r="4" spans="1:21" ht="21.95" customHeight="1" x14ac:dyDescent="0.25">
      <c r="A4" s="1">
        <v>3</v>
      </c>
      <c r="B4" s="3" t="s">
        <v>0</v>
      </c>
      <c r="C4" s="3" t="s">
        <v>0</v>
      </c>
      <c r="D4" s="3" t="s">
        <v>0</v>
      </c>
      <c r="E4" s="3" t="s">
        <v>0</v>
      </c>
      <c r="F4" s="3" t="s">
        <v>0</v>
      </c>
      <c r="G4" s="3" t="s">
        <v>0</v>
      </c>
      <c r="H4" s="3" t="s">
        <v>0</v>
      </c>
      <c r="I4" s="3" t="s">
        <v>0</v>
      </c>
      <c r="J4" s="3" t="s">
        <v>0</v>
      </c>
      <c r="K4" s="3" t="s">
        <v>0</v>
      </c>
      <c r="L4" s="3" t="s">
        <v>0</v>
      </c>
      <c r="M4" s="3" t="s">
        <v>0</v>
      </c>
      <c r="N4" s="3" t="s">
        <v>0</v>
      </c>
      <c r="O4" s="3" t="s">
        <v>0</v>
      </c>
      <c r="P4" s="3" t="s">
        <v>0</v>
      </c>
      <c r="Q4" s="3" t="s">
        <v>0</v>
      </c>
      <c r="R4" s="3" t="s">
        <v>0</v>
      </c>
      <c r="S4" s="3" t="s">
        <v>0</v>
      </c>
      <c r="T4" s="3" t="s">
        <v>0</v>
      </c>
      <c r="U4" s="3" t="s">
        <v>0</v>
      </c>
    </row>
    <row r="5" spans="1:21" ht="21.95" customHeight="1" x14ac:dyDescent="0.25">
      <c r="A5" s="1">
        <v>4</v>
      </c>
      <c r="B5" s="3" t="s">
        <v>0</v>
      </c>
      <c r="C5" s="3" t="s">
        <v>0</v>
      </c>
      <c r="D5" s="3" t="s">
        <v>0</v>
      </c>
      <c r="E5" s="3" t="s">
        <v>0</v>
      </c>
      <c r="F5" s="3" t="s">
        <v>0</v>
      </c>
      <c r="G5" s="3" t="s">
        <v>0</v>
      </c>
      <c r="H5" s="3" t="s">
        <v>0</v>
      </c>
      <c r="I5" s="3" t="s">
        <v>0</v>
      </c>
      <c r="J5" s="3" t="s">
        <v>0</v>
      </c>
      <c r="K5" s="3" t="s">
        <v>0</v>
      </c>
      <c r="L5" s="3" t="s">
        <v>0</v>
      </c>
      <c r="M5" s="3" t="s">
        <v>0</v>
      </c>
      <c r="N5" s="3" t="s">
        <v>0</v>
      </c>
      <c r="O5" s="3" t="s">
        <v>0</v>
      </c>
      <c r="P5" s="3" t="s">
        <v>0</v>
      </c>
      <c r="Q5" s="3" t="s">
        <v>0</v>
      </c>
      <c r="R5" s="3" t="s">
        <v>0</v>
      </c>
      <c r="S5" s="3" t="s">
        <v>0</v>
      </c>
      <c r="T5" s="3" t="s">
        <v>0</v>
      </c>
      <c r="U5" s="3" t="s">
        <v>0</v>
      </c>
    </row>
    <row r="6" spans="1:21" ht="21.95" customHeight="1" x14ac:dyDescent="0.25">
      <c r="A6" s="1" t="s">
        <v>60</v>
      </c>
      <c r="B6" s="4" t="s">
        <v>39</v>
      </c>
      <c r="C6" s="4" t="s">
        <v>13</v>
      </c>
      <c r="D6" s="4" t="s">
        <v>7</v>
      </c>
      <c r="E6" s="4" t="s">
        <v>39</v>
      </c>
      <c r="F6" s="4" t="s">
        <v>6</v>
      </c>
      <c r="G6" s="4" t="s">
        <v>23</v>
      </c>
      <c r="H6" s="4" t="s">
        <v>37</v>
      </c>
      <c r="I6" s="4" t="s">
        <v>20</v>
      </c>
      <c r="J6" s="4" t="s">
        <v>7</v>
      </c>
      <c r="K6" s="4" t="s">
        <v>38</v>
      </c>
      <c r="L6" s="4" t="s">
        <v>37</v>
      </c>
      <c r="M6" s="4" t="s">
        <v>37</v>
      </c>
      <c r="N6" s="4" t="s">
        <v>11</v>
      </c>
      <c r="O6" s="4" t="s">
        <v>36</v>
      </c>
      <c r="P6" s="4" t="s">
        <v>24</v>
      </c>
      <c r="Q6" s="4" t="s">
        <v>7</v>
      </c>
      <c r="R6" s="4" t="s">
        <v>35</v>
      </c>
      <c r="S6" s="4" t="s">
        <v>34</v>
      </c>
      <c r="T6" s="4" t="s">
        <v>33</v>
      </c>
      <c r="U6" s="4" t="s">
        <v>7</v>
      </c>
    </row>
    <row r="7" spans="1:21" ht="21.95" customHeight="1" x14ac:dyDescent="0.25">
      <c r="A7" s="1">
        <v>6</v>
      </c>
      <c r="B7" s="3" t="s">
        <v>0</v>
      </c>
      <c r="C7" s="3" t="s">
        <v>0</v>
      </c>
      <c r="D7" s="3" t="s">
        <v>0</v>
      </c>
      <c r="E7" s="3" t="s">
        <v>0</v>
      </c>
      <c r="F7" s="3" t="s">
        <v>0</v>
      </c>
      <c r="G7" s="3" t="s">
        <v>0</v>
      </c>
      <c r="H7" s="3" t="s">
        <v>0</v>
      </c>
      <c r="I7" s="3" t="s">
        <v>0</v>
      </c>
      <c r="J7" s="3" t="s">
        <v>0</v>
      </c>
      <c r="K7" s="3" t="s">
        <v>0</v>
      </c>
      <c r="L7" s="3" t="s">
        <v>0</v>
      </c>
      <c r="M7" s="3" t="s">
        <v>0</v>
      </c>
      <c r="N7" s="3" t="s">
        <v>0</v>
      </c>
      <c r="O7" s="3" t="s">
        <v>0</v>
      </c>
      <c r="P7" s="3" t="s">
        <v>0</v>
      </c>
      <c r="Q7" s="3" t="s">
        <v>0</v>
      </c>
      <c r="R7" s="3" t="s">
        <v>0</v>
      </c>
      <c r="S7" s="3" t="s">
        <v>0</v>
      </c>
      <c r="T7" s="3" t="s">
        <v>0</v>
      </c>
      <c r="U7" s="3" t="s">
        <v>0</v>
      </c>
    </row>
    <row r="8" spans="1:21" ht="21.95" customHeight="1" x14ac:dyDescent="0.25">
      <c r="A8" s="1">
        <v>7</v>
      </c>
      <c r="B8" s="3" t="s">
        <v>0</v>
      </c>
      <c r="C8" s="3" t="s">
        <v>0</v>
      </c>
      <c r="D8" s="3" t="s">
        <v>0</v>
      </c>
      <c r="E8" s="3" t="s">
        <v>0</v>
      </c>
      <c r="F8" s="3" t="s">
        <v>0</v>
      </c>
      <c r="G8" s="3" t="s">
        <v>0</v>
      </c>
      <c r="H8" s="3" t="s">
        <v>0</v>
      </c>
      <c r="I8" s="3" t="s">
        <v>0</v>
      </c>
      <c r="J8" s="3" t="s">
        <v>0</v>
      </c>
      <c r="K8" s="3" t="s">
        <v>0</v>
      </c>
      <c r="L8" s="3" t="s">
        <v>0</v>
      </c>
      <c r="M8" s="3" t="s">
        <v>0</v>
      </c>
      <c r="N8" s="3" t="s">
        <v>0</v>
      </c>
      <c r="O8" s="3" t="s">
        <v>0</v>
      </c>
      <c r="P8" s="3" t="s">
        <v>0</v>
      </c>
      <c r="Q8" s="3" t="s">
        <v>0</v>
      </c>
      <c r="R8" s="3" t="s">
        <v>0</v>
      </c>
      <c r="S8" s="3" t="s">
        <v>0</v>
      </c>
      <c r="T8" s="3" t="s">
        <v>0</v>
      </c>
      <c r="U8" s="3" t="s">
        <v>0</v>
      </c>
    </row>
    <row r="9" spans="1:21" ht="21.95" customHeight="1" x14ac:dyDescent="0.25">
      <c r="A9" s="1" t="s">
        <v>61</v>
      </c>
      <c r="B9" s="4" t="s">
        <v>26</v>
      </c>
      <c r="C9" s="4" t="s">
        <v>13</v>
      </c>
      <c r="D9" s="4" t="s">
        <v>7</v>
      </c>
      <c r="E9" s="4" t="s">
        <v>26</v>
      </c>
      <c r="F9" s="4" t="s">
        <v>7</v>
      </c>
      <c r="G9" s="4" t="s">
        <v>7</v>
      </c>
      <c r="H9" s="4" t="s">
        <v>32</v>
      </c>
      <c r="I9" s="4" t="s">
        <v>31</v>
      </c>
      <c r="J9" s="4" t="s">
        <v>30</v>
      </c>
      <c r="K9" s="4" t="s">
        <v>30</v>
      </c>
      <c r="L9" s="4" t="s">
        <v>7</v>
      </c>
      <c r="M9" s="4" t="s">
        <v>7</v>
      </c>
      <c r="N9" s="4" t="s">
        <v>7</v>
      </c>
      <c r="O9" s="4" t="s">
        <v>28</v>
      </c>
      <c r="P9" s="4" t="s">
        <v>29</v>
      </c>
      <c r="Q9" s="4" t="s">
        <v>28</v>
      </c>
      <c r="R9" s="4" t="s">
        <v>7</v>
      </c>
      <c r="S9" s="4" t="s">
        <v>7</v>
      </c>
      <c r="T9" s="4" t="s">
        <v>27</v>
      </c>
      <c r="U9" s="4" t="s">
        <v>7</v>
      </c>
    </row>
    <row r="10" spans="1:21" ht="21.95" customHeight="1" x14ac:dyDescent="0.25">
      <c r="A10" s="1">
        <v>9</v>
      </c>
      <c r="B10" s="3" t="s">
        <v>0</v>
      </c>
      <c r="C10" s="3" t="s">
        <v>0</v>
      </c>
      <c r="D10" s="3" t="s">
        <v>0</v>
      </c>
      <c r="E10" s="3" t="s">
        <v>0</v>
      </c>
      <c r="F10" s="3" t="s">
        <v>0</v>
      </c>
      <c r="G10" s="3" t="s">
        <v>0</v>
      </c>
      <c r="H10" s="3" t="s">
        <v>0</v>
      </c>
      <c r="I10" s="3" t="s">
        <v>0</v>
      </c>
      <c r="J10" s="3" t="s">
        <v>0</v>
      </c>
      <c r="K10" s="3" t="s">
        <v>0</v>
      </c>
      <c r="L10" s="3" t="s">
        <v>0</v>
      </c>
      <c r="M10" s="3" t="s">
        <v>0</v>
      </c>
      <c r="N10" s="3" t="s">
        <v>0</v>
      </c>
      <c r="O10" s="3" t="s">
        <v>0</v>
      </c>
      <c r="P10" s="3" t="s">
        <v>0</v>
      </c>
      <c r="Q10" s="3" t="s">
        <v>0</v>
      </c>
      <c r="R10" s="3" t="s">
        <v>0</v>
      </c>
      <c r="S10" s="3" t="s">
        <v>0</v>
      </c>
      <c r="T10" s="3" t="s">
        <v>0</v>
      </c>
      <c r="U10" s="3" t="s">
        <v>0</v>
      </c>
    </row>
    <row r="11" spans="1:21" ht="21.95" customHeight="1" x14ac:dyDescent="0.25">
      <c r="A11" s="1">
        <v>10</v>
      </c>
      <c r="B11" s="3" t="s">
        <v>0</v>
      </c>
      <c r="C11" s="3" t="s">
        <v>0</v>
      </c>
      <c r="D11" s="3" t="s">
        <v>0</v>
      </c>
      <c r="E11" s="3" t="s">
        <v>0</v>
      </c>
      <c r="F11" s="3" t="s">
        <v>0</v>
      </c>
      <c r="G11" s="3" t="s">
        <v>0</v>
      </c>
      <c r="H11" s="3" t="s">
        <v>0</v>
      </c>
      <c r="I11" s="3" t="s">
        <v>0</v>
      </c>
      <c r="J11" s="3" t="s">
        <v>0</v>
      </c>
      <c r="K11" s="3" t="s">
        <v>0</v>
      </c>
      <c r="L11" s="3" t="s">
        <v>0</v>
      </c>
      <c r="M11" s="3" t="s">
        <v>0</v>
      </c>
      <c r="N11" s="3" t="s">
        <v>0</v>
      </c>
      <c r="O11" s="3" t="s">
        <v>0</v>
      </c>
      <c r="P11" s="3" t="s">
        <v>0</v>
      </c>
      <c r="Q11" s="3" t="s">
        <v>0</v>
      </c>
      <c r="R11" s="3" t="s">
        <v>0</v>
      </c>
      <c r="S11" s="3" t="s">
        <v>0</v>
      </c>
      <c r="T11" s="3" t="s">
        <v>0</v>
      </c>
      <c r="U11" s="3" t="s">
        <v>0</v>
      </c>
    </row>
    <row r="12" spans="1:21" ht="21.95" customHeight="1" x14ac:dyDescent="0.25">
      <c r="A12" s="1">
        <v>11</v>
      </c>
      <c r="B12" s="3" t="s">
        <v>0</v>
      </c>
      <c r="C12" s="3" t="s">
        <v>0</v>
      </c>
      <c r="D12" s="3" t="s">
        <v>0</v>
      </c>
      <c r="E12" s="3" t="s">
        <v>0</v>
      </c>
      <c r="F12" s="3" t="s">
        <v>0</v>
      </c>
      <c r="G12" s="3" t="s">
        <v>0</v>
      </c>
      <c r="H12" s="3" t="s">
        <v>0</v>
      </c>
      <c r="I12" s="3" t="s">
        <v>0</v>
      </c>
      <c r="J12" s="3" t="s">
        <v>0</v>
      </c>
      <c r="K12" s="3" t="s">
        <v>0</v>
      </c>
      <c r="L12" s="3" t="s">
        <v>0</v>
      </c>
      <c r="M12" s="3" t="s">
        <v>0</v>
      </c>
      <c r="N12" s="3" t="s">
        <v>0</v>
      </c>
      <c r="O12" s="3" t="s">
        <v>0</v>
      </c>
      <c r="P12" s="3" t="s">
        <v>0</v>
      </c>
      <c r="Q12" s="3" t="s">
        <v>0</v>
      </c>
      <c r="R12" s="3" t="s">
        <v>0</v>
      </c>
      <c r="S12" s="3" t="s">
        <v>0</v>
      </c>
      <c r="T12" s="3" t="s">
        <v>0</v>
      </c>
      <c r="U12" s="3" t="s">
        <v>0</v>
      </c>
    </row>
    <row r="13" spans="1:21" ht="21.95" customHeight="1" x14ac:dyDescent="0.25">
      <c r="A13" s="1">
        <v>12</v>
      </c>
      <c r="B13" s="3" t="s">
        <v>0</v>
      </c>
      <c r="C13" s="3" t="s">
        <v>0</v>
      </c>
      <c r="D13" s="3" t="s">
        <v>0</v>
      </c>
      <c r="E13" s="3" t="s">
        <v>0</v>
      </c>
      <c r="F13" s="3" t="s">
        <v>0</v>
      </c>
      <c r="G13" s="3" t="s">
        <v>0</v>
      </c>
      <c r="H13" s="3" t="s">
        <v>0</v>
      </c>
      <c r="I13" s="3" t="s">
        <v>0</v>
      </c>
      <c r="J13" s="3" t="s">
        <v>0</v>
      </c>
      <c r="K13" s="3" t="s">
        <v>0</v>
      </c>
      <c r="L13" s="3" t="s">
        <v>0</v>
      </c>
      <c r="M13" s="3" t="s">
        <v>0</v>
      </c>
      <c r="N13" s="3" t="s">
        <v>0</v>
      </c>
      <c r="O13" s="3" t="s">
        <v>0</v>
      </c>
      <c r="P13" s="3" t="s">
        <v>0</v>
      </c>
      <c r="Q13" s="3" t="s">
        <v>0</v>
      </c>
      <c r="R13" s="3" t="s">
        <v>0</v>
      </c>
      <c r="S13" s="3" t="s">
        <v>0</v>
      </c>
      <c r="T13" s="3" t="s">
        <v>0</v>
      </c>
      <c r="U13" s="3" t="s">
        <v>0</v>
      </c>
    </row>
    <row r="14" spans="1:21" ht="21.95" customHeight="1" x14ac:dyDescent="0.25">
      <c r="A14" s="1">
        <v>13</v>
      </c>
      <c r="B14" s="3" t="s">
        <v>0</v>
      </c>
      <c r="C14" s="3" t="s">
        <v>0</v>
      </c>
      <c r="D14" s="3" t="s">
        <v>0</v>
      </c>
      <c r="E14" s="3" t="s">
        <v>0</v>
      </c>
      <c r="F14" s="3" t="s">
        <v>0</v>
      </c>
      <c r="G14" s="3" t="s">
        <v>0</v>
      </c>
      <c r="H14" s="3" t="s">
        <v>0</v>
      </c>
      <c r="I14" s="3" t="s">
        <v>0</v>
      </c>
      <c r="J14" s="3" t="s">
        <v>0</v>
      </c>
      <c r="K14" s="3" t="s">
        <v>0</v>
      </c>
      <c r="L14" s="3" t="s">
        <v>0</v>
      </c>
      <c r="M14" s="3" t="s">
        <v>0</v>
      </c>
      <c r="N14" s="3" t="s">
        <v>0</v>
      </c>
      <c r="O14" s="3" t="s">
        <v>0</v>
      </c>
      <c r="P14" s="3" t="s">
        <v>0</v>
      </c>
      <c r="Q14" s="3" t="s">
        <v>0</v>
      </c>
      <c r="R14" s="3" t="s">
        <v>0</v>
      </c>
      <c r="S14" s="3" t="s">
        <v>0</v>
      </c>
      <c r="T14" s="3" t="s">
        <v>0</v>
      </c>
      <c r="U14" s="3" t="s">
        <v>0</v>
      </c>
    </row>
    <row r="15" spans="1:21" ht="21.95" customHeight="1" x14ac:dyDescent="0.25">
      <c r="A15" s="1">
        <v>14</v>
      </c>
      <c r="B15" s="3" t="s">
        <v>0</v>
      </c>
      <c r="C15" s="3" t="s">
        <v>0</v>
      </c>
      <c r="D15" s="3" t="s">
        <v>0</v>
      </c>
      <c r="E15" s="3" t="s">
        <v>0</v>
      </c>
      <c r="F15" s="3" t="s">
        <v>0</v>
      </c>
      <c r="G15" s="3" t="s">
        <v>0</v>
      </c>
      <c r="H15" s="3" t="s">
        <v>0</v>
      </c>
      <c r="I15" s="3" t="s">
        <v>0</v>
      </c>
      <c r="J15" s="3" t="s">
        <v>0</v>
      </c>
      <c r="K15" s="3" t="s">
        <v>0</v>
      </c>
      <c r="L15" s="3" t="s">
        <v>0</v>
      </c>
      <c r="M15" s="3" t="s">
        <v>0</v>
      </c>
      <c r="N15" s="3" t="s">
        <v>0</v>
      </c>
      <c r="O15" s="3" t="s">
        <v>0</v>
      </c>
      <c r="P15" s="3" t="s">
        <v>0</v>
      </c>
      <c r="Q15" s="3" t="s">
        <v>0</v>
      </c>
      <c r="R15" s="3" t="s">
        <v>0</v>
      </c>
      <c r="S15" s="3" t="s">
        <v>0</v>
      </c>
      <c r="T15" s="3" t="s">
        <v>0</v>
      </c>
      <c r="U15" s="3" t="s">
        <v>0</v>
      </c>
    </row>
    <row r="16" spans="1:21" ht="21.95" customHeight="1" x14ac:dyDescent="0.25">
      <c r="A16" s="1" t="s">
        <v>62</v>
      </c>
      <c r="B16" s="4" t="s">
        <v>26</v>
      </c>
      <c r="C16" s="4" t="s">
        <v>13</v>
      </c>
      <c r="D16" s="4" t="s">
        <v>7</v>
      </c>
      <c r="E16" s="4" t="s">
        <v>25</v>
      </c>
      <c r="F16" s="4" t="s">
        <v>7</v>
      </c>
      <c r="G16" s="4" t="s">
        <v>16</v>
      </c>
      <c r="H16" s="4" t="s">
        <v>6</v>
      </c>
      <c r="I16" s="4" t="s">
        <v>11</v>
      </c>
      <c r="J16" s="4" t="s">
        <v>15</v>
      </c>
      <c r="K16" s="4" t="s">
        <v>15</v>
      </c>
      <c r="L16" s="4" t="s">
        <v>24</v>
      </c>
      <c r="M16" s="4" t="s">
        <v>22</v>
      </c>
      <c r="N16" s="4" t="s">
        <v>19</v>
      </c>
      <c r="O16" s="4" t="s">
        <v>5</v>
      </c>
      <c r="P16" s="4" t="s">
        <v>24</v>
      </c>
      <c r="Q16" s="4" t="s">
        <v>23</v>
      </c>
      <c r="R16" s="4" t="s">
        <v>7</v>
      </c>
      <c r="S16" s="4" t="s">
        <v>22</v>
      </c>
      <c r="T16" s="4" t="s">
        <v>7</v>
      </c>
      <c r="U16" s="4" t="s">
        <v>7</v>
      </c>
    </row>
    <row r="17" spans="1:21" ht="21.95" customHeight="1" x14ac:dyDescent="0.25">
      <c r="A17" s="1">
        <v>16</v>
      </c>
      <c r="B17" s="3" t="s">
        <v>0</v>
      </c>
      <c r="C17" s="3" t="s">
        <v>0</v>
      </c>
      <c r="D17" s="3" t="s">
        <v>0</v>
      </c>
      <c r="E17" s="3" t="s">
        <v>0</v>
      </c>
      <c r="F17" s="3" t="s">
        <v>0</v>
      </c>
      <c r="G17" s="3" t="s">
        <v>0</v>
      </c>
      <c r="H17" s="3" t="s">
        <v>0</v>
      </c>
      <c r="I17" s="3" t="s">
        <v>0</v>
      </c>
      <c r="J17" s="3" t="s">
        <v>0</v>
      </c>
      <c r="K17" s="3" t="s">
        <v>0</v>
      </c>
      <c r="L17" s="3" t="s">
        <v>0</v>
      </c>
      <c r="M17" s="3" t="s">
        <v>0</v>
      </c>
      <c r="N17" s="3" t="s">
        <v>0</v>
      </c>
      <c r="O17" s="3" t="s">
        <v>0</v>
      </c>
      <c r="P17" s="3" t="s">
        <v>0</v>
      </c>
      <c r="Q17" s="3" t="s">
        <v>0</v>
      </c>
      <c r="R17" s="3" t="s">
        <v>0</v>
      </c>
      <c r="S17" s="3" t="s">
        <v>0</v>
      </c>
      <c r="T17" s="3" t="s">
        <v>0</v>
      </c>
      <c r="U17" s="3" t="s">
        <v>0</v>
      </c>
    </row>
    <row r="18" spans="1:21" ht="21.95" customHeight="1" x14ac:dyDescent="0.25">
      <c r="A18" s="1">
        <v>17</v>
      </c>
      <c r="B18" s="3" t="s">
        <v>0</v>
      </c>
      <c r="C18" s="3" t="s">
        <v>0</v>
      </c>
      <c r="D18" s="3" t="s">
        <v>0</v>
      </c>
      <c r="E18" s="3" t="s">
        <v>0</v>
      </c>
      <c r="F18" s="3" t="s">
        <v>0</v>
      </c>
      <c r="G18" s="3" t="s">
        <v>0</v>
      </c>
      <c r="H18" s="3" t="s">
        <v>0</v>
      </c>
      <c r="I18" s="3" t="s">
        <v>0</v>
      </c>
      <c r="J18" s="3" t="s">
        <v>0</v>
      </c>
      <c r="K18" s="3" t="s">
        <v>0</v>
      </c>
      <c r="L18" s="3" t="s">
        <v>0</v>
      </c>
      <c r="M18" s="3" t="s">
        <v>0</v>
      </c>
      <c r="N18" s="3" t="s">
        <v>0</v>
      </c>
      <c r="O18" s="3" t="s">
        <v>0</v>
      </c>
      <c r="P18" s="3" t="s">
        <v>0</v>
      </c>
      <c r="Q18" s="3" t="s">
        <v>0</v>
      </c>
      <c r="R18" s="3" t="s">
        <v>0</v>
      </c>
      <c r="S18" s="3" t="s">
        <v>0</v>
      </c>
      <c r="T18" s="3" t="s">
        <v>0</v>
      </c>
      <c r="U18" s="3" t="s">
        <v>0</v>
      </c>
    </row>
    <row r="19" spans="1:21" ht="21.95" customHeight="1" x14ac:dyDescent="0.25">
      <c r="A19" s="1" t="s">
        <v>63</v>
      </c>
      <c r="B19" s="4" t="s">
        <v>21</v>
      </c>
      <c r="C19" s="4" t="s">
        <v>13</v>
      </c>
      <c r="D19" s="4" t="s">
        <v>7</v>
      </c>
      <c r="E19" s="4" t="s">
        <v>21</v>
      </c>
      <c r="F19" s="4" t="s">
        <v>15</v>
      </c>
      <c r="G19" s="4" t="s">
        <v>7</v>
      </c>
      <c r="H19" s="4" t="s">
        <v>20</v>
      </c>
      <c r="I19" s="4" t="s">
        <v>19</v>
      </c>
      <c r="J19" s="4" t="s">
        <v>18</v>
      </c>
      <c r="K19" s="4" t="s">
        <v>7</v>
      </c>
      <c r="L19" s="4" t="s">
        <v>17</v>
      </c>
      <c r="M19" s="4" t="s">
        <v>7</v>
      </c>
      <c r="N19" s="4" t="s">
        <v>16</v>
      </c>
      <c r="O19" s="4" t="s">
        <v>7</v>
      </c>
      <c r="P19" s="4" t="s">
        <v>7</v>
      </c>
      <c r="Q19" s="4" t="s">
        <v>15</v>
      </c>
      <c r="R19" s="4" t="s">
        <v>15</v>
      </c>
      <c r="S19" s="4" t="s">
        <v>7</v>
      </c>
      <c r="T19" s="4" t="s">
        <v>7</v>
      </c>
      <c r="U19" s="4" t="s">
        <v>15</v>
      </c>
    </row>
    <row r="20" spans="1:21" ht="21.95" customHeight="1" x14ac:dyDescent="0.25">
      <c r="A20" s="1">
        <v>19</v>
      </c>
      <c r="B20" s="3" t="s">
        <v>0</v>
      </c>
      <c r="C20" s="3" t="s">
        <v>0</v>
      </c>
      <c r="D20" s="3" t="s">
        <v>0</v>
      </c>
      <c r="E20" s="3" t="s">
        <v>0</v>
      </c>
      <c r="F20" s="3" t="s">
        <v>0</v>
      </c>
      <c r="G20" s="3" t="s">
        <v>0</v>
      </c>
      <c r="H20" s="3" t="s">
        <v>0</v>
      </c>
      <c r="I20" s="3" t="s">
        <v>0</v>
      </c>
      <c r="J20" s="3" t="s">
        <v>0</v>
      </c>
      <c r="K20" s="3" t="s">
        <v>0</v>
      </c>
      <c r="L20" s="3" t="s">
        <v>0</v>
      </c>
      <c r="M20" s="3" t="s">
        <v>0</v>
      </c>
      <c r="N20" s="3" t="s">
        <v>0</v>
      </c>
      <c r="O20" s="3" t="s">
        <v>0</v>
      </c>
      <c r="P20" s="3" t="s">
        <v>0</v>
      </c>
      <c r="Q20" s="3" t="s">
        <v>0</v>
      </c>
      <c r="R20" s="3" t="s">
        <v>0</v>
      </c>
      <c r="S20" s="3" t="s">
        <v>0</v>
      </c>
      <c r="T20" s="3" t="s">
        <v>0</v>
      </c>
      <c r="U20" s="3" t="s">
        <v>0</v>
      </c>
    </row>
    <row r="21" spans="1:21" ht="21.95" customHeight="1" x14ac:dyDescent="0.25">
      <c r="A21" s="1">
        <v>20</v>
      </c>
      <c r="B21" s="3" t="s">
        <v>0</v>
      </c>
      <c r="C21" s="3" t="s">
        <v>0</v>
      </c>
      <c r="D21" s="3" t="s">
        <v>0</v>
      </c>
      <c r="E21" s="3" t="s">
        <v>0</v>
      </c>
      <c r="F21" s="3" t="s">
        <v>0</v>
      </c>
      <c r="G21" s="3" t="s">
        <v>0</v>
      </c>
      <c r="H21" s="3" t="s">
        <v>0</v>
      </c>
      <c r="I21" s="3" t="s">
        <v>0</v>
      </c>
      <c r="J21" s="3" t="s">
        <v>0</v>
      </c>
      <c r="K21" s="3" t="s">
        <v>0</v>
      </c>
      <c r="L21" s="3" t="s">
        <v>0</v>
      </c>
      <c r="M21" s="3" t="s">
        <v>0</v>
      </c>
      <c r="N21" s="3" t="s">
        <v>0</v>
      </c>
      <c r="O21" s="3" t="s">
        <v>0</v>
      </c>
      <c r="P21" s="3" t="s">
        <v>0</v>
      </c>
      <c r="Q21" s="3" t="s">
        <v>0</v>
      </c>
      <c r="R21" s="3" t="s">
        <v>0</v>
      </c>
      <c r="S21" s="3" t="s">
        <v>0</v>
      </c>
      <c r="T21" s="3" t="s">
        <v>0</v>
      </c>
      <c r="U21" s="3" t="s">
        <v>0</v>
      </c>
    </row>
    <row r="22" spans="1:21" ht="21.95" customHeight="1" x14ac:dyDescent="0.25">
      <c r="A22" s="1">
        <v>21</v>
      </c>
      <c r="B22" s="3" t="s">
        <v>0</v>
      </c>
      <c r="C22" s="3" t="s">
        <v>0</v>
      </c>
      <c r="D22" s="3" t="s">
        <v>0</v>
      </c>
      <c r="E22" s="3" t="s">
        <v>0</v>
      </c>
      <c r="F22" s="3" t="s">
        <v>0</v>
      </c>
      <c r="G22" s="3" t="s">
        <v>0</v>
      </c>
      <c r="H22" s="3" t="s">
        <v>0</v>
      </c>
      <c r="I22" s="3" t="s">
        <v>0</v>
      </c>
      <c r="J22" s="3" t="s">
        <v>0</v>
      </c>
      <c r="K22" s="3" t="s">
        <v>0</v>
      </c>
      <c r="L22" s="3" t="s">
        <v>0</v>
      </c>
      <c r="M22" s="3" t="s">
        <v>0</v>
      </c>
      <c r="N22" s="3" t="s">
        <v>0</v>
      </c>
      <c r="O22" s="3" t="s">
        <v>0</v>
      </c>
      <c r="P22" s="3" t="s">
        <v>0</v>
      </c>
      <c r="Q22" s="3" t="s">
        <v>0</v>
      </c>
      <c r="R22" s="3" t="s">
        <v>0</v>
      </c>
      <c r="S22" s="3" t="s">
        <v>0</v>
      </c>
      <c r="T22" s="3" t="s">
        <v>0</v>
      </c>
      <c r="U22" s="3" t="s">
        <v>0</v>
      </c>
    </row>
    <row r="23" spans="1:21" ht="21.95" customHeight="1" x14ac:dyDescent="0.25">
      <c r="A23" s="1" t="s">
        <v>64</v>
      </c>
      <c r="B23" s="4" t="s">
        <v>14</v>
      </c>
      <c r="C23" s="4" t="s">
        <v>13</v>
      </c>
      <c r="D23" s="4" t="s">
        <v>7</v>
      </c>
      <c r="E23" s="4" t="s">
        <v>12</v>
      </c>
      <c r="F23" s="4" t="s">
        <v>11</v>
      </c>
      <c r="G23" s="4" t="s">
        <v>11</v>
      </c>
      <c r="H23" s="4" t="s">
        <v>10</v>
      </c>
      <c r="I23" s="4" t="s">
        <v>9</v>
      </c>
      <c r="J23" s="4" t="s">
        <v>9</v>
      </c>
      <c r="K23" s="4" t="s">
        <v>9</v>
      </c>
      <c r="L23" s="4" t="s">
        <v>8</v>
      </c>
      <c r="M23" s="4" t="s">
        <v>7</v>
      </c>
      <c r="N23" s="4" t="s">
        <v>6</v>
      </c>
      <c r="O23" s="4" t="s">
        <v>4</v>
      </c>
      <c r="P23" s="4" t="s">
        <v>4</v>
      </c>
      <c r="Q23" s="4" t="s">
        <v>5</v>
      </c>
      <c r="R23" s="4" t="s">
        <v>4</v>
      </c>
      <c r="S23" s="4" t="s">
        <v>3</v>
      </c>
      <c r="T23" s="4" t="s">
        <v>2</v>
      </c>
      <c r="U23" s="4" t="s">
        <v>1</v>
      </c>
    </row>
    <row r="24" spans="1:21" ht="21.95" customHeight="1" x14ac:dyDescent="0.25">
      <c r="A24" s="1">
        <v>23</v>
      </c>
      <c r="B24" s="3" t="s">
        <v>0</v>
      </c>
      <c r="C24" s="3" t="s">
        <v>0</v>
      </c>
      <c r="D24" s="3" t="s">
        <v>0</v>
      </c>
      <c r="E24" s="3" t="s">
        <v>0</v>
      </c>
      <c r="F24" s="3" t="s">
        <v>0</v>
      </c>
      <c r="G24" s="3" t="s">
        <v>0</v>
      </c>
      <c r="H24" s="3" t="s">
        <v>0</v>
      </c>
      <c r="I24" s="3" t="s">
        <v>0</v>
      </c>
      <c r="J24" s="3" t="s">
        <v>0</v>
      </c>
      <c r="K24" s="3" t="s">
        <v>0</v>
      </c>
      <c r="L24" s="3" t="s">
        <v>0</v>
      </c>
      <c r="M24" s="3" t="s">
        <v>0</v>
      </c>
      <c r="N24" s="3" t="s">
        <v>0</v>
      </c>
      <c r="O24" s="3" t="s">
        <v>0</v>
      </c>
      <c r="P24" s="3" t="s">
        <v>0</v>
      </c>
      <c r="Q24" s="3" t="s">
        <v>0</v>
      </c>
      <c r="R24" s="3" t="s">
        <v>0</v>
      </c>
      <c r="S24" s="3" t="s">
        <v>0</v>
      </c>
      <c r="T24" s="3" t="s">
        <v>0</v>
      </c>
      <c r="U24" s="3" t="s">
        <v>0</v>
      </c>
    </row>
  </sheetData>
  <pageMargins left="0.7" right="0.7" top="0.78740157499999996" bottom="0.78740157499999996" header="0.3" footer="0.3"/>
  <pageSetup paperSize="9" orientation="portrait" horizontalDpi="0" verticalDpi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Symptoms of COVID-19 infect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Rodriguez, Belén</cp:lastModifiedBy>
  <dcterms:created xsi:type="dcterms:W3CDTF">2022-01-30T20:28:13Z</dcterms:created>
  <dcterms:modified xsi:type="dcterms:W3CDTF">2022-03-11T08:02:40Z</dcterms:modified>
</cp:coreProperties>
</file>